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aastrich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logo&#10;&#10;Automatisch gegenereerde beschrijving">
            <a:extLst>
              <a:ext uri="{FF2B5EF4-FFF2-40B4-BE49-F238E27FC236}">
                <a16:creationId xmlns:a16="http://schemas.microsoft.com/office/drawing/2014/main" id="{F02FC741-E6A2-E4BD-B166-4FCCE7883B9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5768" y="4630057"/>
            <a:ext cx="2968559" cy="204830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Graphics, logo&#10;&#10;Automatisch gegenereerde beschrijving">
            <a:extLst>
              <a:ext uri="{FF2B5EF4-FFF2-40B4-BE49-F238E27FC236}">
                <a16:creationId xmlns:a16="http://schemas.microsoft.com/office/drawing/2014/main" id="{75A287DE-2B20-1669-0F6E-740555D5E6E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8910" y="3847785"/>
            <a:ext cx="2119144"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17T14:50:12Z</dcterms:modified>
</cp:coreProperties>
</file>